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7-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7-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moerdijk/"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3C4ECB14-B493-F420-6F10-7C2814C9682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95875" y="4862286"/>
            <a:ext cx="2145924" cy="177253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0EAD738C-93C0-29CF-A905-6A67E5AC8EF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326275" y="4188095"/>
            <a:ext cx="1374867" cy="113564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5-27T12:58:35Z</dcterms:modified>
</cp:coreProperties>
</file>